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5601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78C93B38-469E-4F32-9786-CAA6AAD29C44}" xr6:coauthVersionLast="47" xr6:coauthVersionMax="47" xr10:uidLastSave="{00000000-0000-0000-0000-000000000000}"/>
  <bookViews>
    <workbookView xWindow="2250" yWindow="870" windowWidth="27120" windowHeight="13665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8" uniqueCount="8">
  <si>
    <t>Apartment - GFC</t>
  </si>
  <si>
    <t xml:space="preserve"> Post-COVID Baseline </t>
  </si>
  <si>
    <t>G.F.C.</t>
  </si>
  <si>
    <t>Dot.com Bust</t>
  </si>
  <si>
    <t>Industrial - GFC</t>
  </si>
  <si>
    <t>Retai - GFC</t>
  </si>
  <si>
    <t>Post-COVID Persistent Inflation Scenario</t>
  </si>
  <si>
    <t>1990s*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2" x14ac:knownFonts="1">
    <font>
      <sz val="11"/>
      <color theme="1"/>
      <name val="Calibre"/>
      <family val="2"/>
      <scheme val="minor"/>
    </font>
    <font>
      <sz val="11"/>
      <name val="Calibre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2">
    <xf numFmtId="0" fontId="0" fillId="0" borderId="0" xfId="0"/>
    <xf numFmtId="0" fontId="1" fillId="0" borderId="0" xfId="0" applyFont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1:I49"/>
  <sheetViews>
    <sheetView tabSelected="1" workbookViewId="0">
      <selection activeCell="L29" sqref="L29"/>
    </sheetView>
  </sheetViews>
  <sheetFormatPr defaultRowHeight="14.25" x14ac:dyDescent="0.2"/>
  <cols>
    <col min="1" max="16384" width="9" style="1"/>
  </cols>
  <sheetData>
    <row r="1" spans="1:9" x14ac:dyDescent="0.2">
      <c r="B1" s="1" t="s">
        <v>0</v>
      </c>
      <c r="C1" s="1" t="s">
        <v>1</v>
      </c>
      <c r="D1" s="1" t="s">
        <v>2</v>
      </c>
      <c r="E1" s="1" t="s">
        <v>3</v>
      </c>
      <c r="F1" s="1" t="s">
        <v>4</v>
      </c>
      <c r="G1" s="1" t="s">
        <v>5</v>
      </c>
      <c r="H1" s="1" t="s">
        <v>6</v>
      </c>
      <c r="I1" s="1" t="s">
        <v>7</v>
      </c>
    </row>
    <row r="2" spans="1:9" x14ac:dyDescent="0.2">
      <c r="A2" s="1">
        <v>1</v>
      </c>
      <c r="B2" s="1">
        <v>100</v>
      </c>
      <c r="C2" s="1">
        <v>100</v>
      </c>
      <c r="D2" s="1">
        <v>100</v>
      </c>
      <c r="E2" s="1">
        <v>100</v>
      </c>
      <c r="F2" s="1">
        <v>100</v>
      </c>
      <c r="G2" s="1">
        <v>100</v>
      </c>
      <c r="H2" s="1">
        <v>100</v>
      </c>
      <c r="I2" s="1">
        <v>100</v>
      </c>
    </row>
    <row r="3" spans="1:9" x14ac:dyDescent="0.2">
      <c r="A3" s="1">
        <v>2</v>
      </c>
      <c r="B3" s="1">
        <v>96</v>
      </c>
      <c r="C3" s="1">
        <v>99.71</v>
      </c>
      <c r="D3" s="1">
        <v>98.24</v>
      </c>
      <c r="E3" s="1">
        <v>98.75</v>
      </c>
      <c r="F3" s="1">
        <v>98.5</v>
      </c>
      <c r="G3" s="1">
        <v>98.28</v>
      </c>
      <c r="H3" s="1">
        <v>99.71</v>
      </c>
      <c r="I3" s="1">
        <v>95.04</v>
      </c>
    </row>
    <row r="4" spans="1:9" x14ac:dyDescent="0.2">
      <c r="A4" s="1">
        <v>3</v>
      </c>
      <c r="B4" s="1">
        <v>88.07</v>
      </c>
      <c r="C4" s="1">
        <v>98.83</v>
      </c>
      <c r="D4" s="1">
        <v>92.54</v>
      </c>
      <c r="E4" s="1">
        <v>97.57</v>
      </c>
      <c r="F4" s="1">
        <v>94.94</v>
      </c>
      <c r="G4" s="1">
        <v>95.18</v>
      </c>
      <c r="H4" s="1">
        <v>98.83</v>
      </c>
      <c r="I4" s="1">
        <v>93</v>
      </c>
    </row>
    <row r="5" spans="1:9" x14ac:dyDescent="0.2">
      <c r="A5" s="1">
        <v>4</v>
      </c>
      <c r="B5" s="1">
        <v>80.09</v>
      </c>
      <c r="C5" s="1">
        <v>97.73</v>
      </c>
      <c r="D5" s="1">
        <v>85.09</v>
      </c>
      <c r="E5" s="1">
        <v>96.8</v>
      </c>
      <c r="F5" s="1">
        <v>90.31</v>
      </c>
      <c r="G5" s="1">
        <v>91.7</v>
      </c>
      <c r="H5" s="1">
        <v>97.73</v>
      </c>
      <c r="I5" s="1">
        <v>90.32</v>
      </c>
    </row>
    <row r="6" spans="1:9" x14ac:dyDescent="0.2">
      <c r="A6" s="1">
        <v>5</v>
      </c>
      <c r="B6" s="1">
        <v>73.040000000000006</v>
      </c>
      <c r="C6" s="1">
        <v>95.36</v>
      </c>
      <c r="D6" s="1">
        <v>78.400000000000006</v>
      </c>
      <c r="E6" s="1">
        <v>95.2</v>
      </c>
      <c r="F6" s="1">
        <v>85.61</v>
      </c>
      <c r="G6" s="1">
        <v>87.53</v>
      </c>
      <c r="H6" s="1">
        <v>95.36</v>
      </c>
      <c r="I6" s="1">
        <v>87.73</v>
      </c>
    </row>
    <row r="7" spans="1:9" x14ac:dyDescent="0.2">
      <c r="A7" s="1">
        <v>6</v>
      </c>
      <c r="B7" s="1">
        <v>68.05</v>
      </c>
      <c r="C7" s="1">
        <v>94.14</v>
      </c>
      <c r="D7" s="1">
        <v>74.430000000000007</v>
      </c>
      <c r="E7" s="1">
        <v>94.1</v>
      </c>
      <c r="F7" s="1">
        <v>82.66</v>
      </c>
      <c r="G7" s="1">
        <v>85.15</v>
      </c>
      <c r="H7" s="1">
        <v>94.14</v>
      </c>
      <c r="I7" s="1">
        <v>78.739999999999995</v>
      </c>
    </row>
    <row r="8" spans="1:9" x14ac:dyDescent="0.2">
      <c r="A8" s="1">
        <v>7</v>
      </c>
      <c r="B8" s="1">
        <v>65.34</v>
      </c>
      <c r="C8" s="1">
        <v>94.5</v>
      </c>
      <c r="D8" s="1">
        <v>72.569999999999993</v>
      </c>
      <c r="E8" s="1">
        <v>93.68</v>
      </c>
      <c r="F8" s="1">
        <v>80.88</v>
      </c>
      <c r="G8" s="1">
        <v>83.77</v>
      </c>
      <c r="H8" s="1">
        <v>94.5</v>
      </c>
      <c r="I8" s="1">
        <v>77.31</v>
      </c>
    </row>
    <row r="9" spans="1:9" x14ac:dyDescent="0.2">
      <c r="A9" s="1">
        <v>8</v>
      </c>
      <c r="B9" s="1">
        <v>64.69</v>
      </c>
      <c r="C9" s="1">
        <v>95.14</v>
      </c>
      <c r="D9" s="1">
        <v>72.84</v>
      </c>
      <c r="E9" s="1">
        <v>93.57</v>
      </c>
      <c r="F9" s="1">
        <v>80.36</v>
      </c>
      <c r="G9" s="1">
        <v>83.23</v>
      </c>
      <c r="H9" s="1">
        <v>95.14</v>
      </c>
      <c r="I9" s="1">
        <v>74.319999999999993</v>
      </c>
    </row>
    <row r="10" spans="1:9" x14ac:dyDescent="0.2">
      <c r="A10" s="1">
        <v>9</v>
      </c>
      <c r="B10" s="1">
        <v>65.430000000000007</v>
      </c>
      <c r="C10" s="1">
        <v>96.16</v>
      </c>
      <c r="D10" s="1">
        <v>74.19</v>
      </c>
      <c r="E10" s="1">
        <v>94.75</v>
      </c>
      <c r="F10" s="1">
        <v>80.67</v>
      </c>
      <c r="G10" s="1">
        <v>83.54</v>
      </c>
      <c r="H10" s="1">
        <v>96.16</v>
      </c>
      <c r="I10" s="1">
        <v>72.239999999999995</v>
      </c>
    </row>
    <row r="11" spans="1:9" x14ac:dyDescent="0.2">
      <c r="A11" s="1">
        <v>10</v>
      </c>
      <c r="B11" s="1">
        <v>67.239999999999995</v>
      </c>
      <c r="C11" s="1">
        <v>89.12</v>
      </c>
      <c r="D11" s="1">
        <v>76.62</v>
      </c>
      <c r="E11" s="1">
        <v>96.3</v>
      </c>
      <c r="F11" s="1">
        <v>81.64</v>
      </c>
      <c r="G11" s="1">
        <v>84.64</v>
      </c>
      <c r="H11" s="1">
        <v>89.12</v>
      </c>
      <c r="I11" s="1">
        <v>67.040000000000006</v>
      </c>
    </row>
    <row r="12" spans="1:9" x14ac:dyDescent="0.2">
      <c r="A12" s="1">
        <v>11</v>
      </c>
      <c r="B12" s="1">
        <v>70.5</v>
      </c>
      <c r="C12" s="1">
        <v>81.819999999999993</v>
      </c>
      <c r="D12" s="1">
        <v>79.680000000000007</v>
      </c>
      <c r="E12" s="1">
        <v>97.97</v>
      </c>
      <c r="F12" s="1">
        <v>83.2</v>
      </c>
      <c r="G12" s="1">
        <v>85.96</v>
      </c>
      <c r="H12" s="1">
        <v>81.819999999999993</v>
      </c>
      <c r="I12" s="1">
        <v>65.959999999999994</v>
      </c>
    </row>
    <row r="13" spans="1:9" x14ac:dyDescent="0.2">
      <c r="A13" s="1">
        <v>12</v>
      </c>
      <c r="B13" s="1">
        <v>73.78</v>
      </c>
      <c r="C13" s="1">
        <v>75.78</v>
      </c>
      <c r="D13" s="1">
        <v>82.97</v>
      </c>
      <c r="E13" s="1">
        <v>101.15</v>
      </c>
      <c r="F13" s="1">
        <v>84.98</v>
      </c>
      <c r="G13" s="1">
        <v>87.3</v>
      </c>
      <c r="H13" s="1">
        <v>75.78</v>
      </c>
      <c r="I13" s="1">
        <v>63.42</v>
      </c>
    </row>
    <row r="14" spans="1:9" x14ac:dyDescent="0.2">
      <c r="A14" s="1">
        <v>13</v>
      </c>
      <c r="B14" s="1">
        <v>76.680000000000007</v>
      </c>
      <c r="C14" s="1">
        <v>73.180000000000007</v>
      </c>
      <c r="D14" s="1">
        <v>86.58</v>
      </c>
      <c r="F14" s="1">
        <v>87.3</v>
      </c>
      <c r="G14" s="1">
        <v>89.5</v>
      </c>
      <c r="H14" s="1">
        <v>73.180000000000007</v>
      </c>
      <c r="I14" s="1">
        <v>62.43</v>
      </c>
    </row>
    <row r="15" spans="1:9" x14ac:dyDescent="0.2">
      <c r="A15" s="1">
        <v>14</v>
      </c>
      <c r="B15" s="1">
        <v>79.22</v>
      </c>
      <c r="C15" s="1">
        <v>70.88</v>
      </c>
      <c r="D15" s="1">
        <v>89.55</v>
      </c>
      <c r="F15" s="1">
        <v>88.64</v>
      </c>
      <c r="G15" s="1">
        <v>91.5</v>
      </c>
      <c r="H15" s="1">
        <v>68.930000000000007</v>
      </c>
      <c r="I15" s="1">
        <v>59.21</v>
      </c>
    </row>
    <row r="16" spans="1:9" x14ac:dyDescent="0.2">
      <c r="A16" s="1">
        <v>15</v>
      </c>
      <c r="B16" s="1">
        <v>81.23</v>
      </c>
      <c r="C16" s="1">
        <v>68.33</v>
      </c>
      <c r="D16" s="1">
        <v>91.5</v>
      </c>
      <c r="F16" s="1">
        <v>89.63</v>
      </c>
      <c r="G16" s="1">
        <v>93.44</v>
      </c>
      <c r="H16" s="1">
        <v>65.06</v>
      </c>
      <c r="I16" s="1">
        <v>58.47</v>
      </c>
    </row>
    <row r="17" spans="1:9" x14ac:dyDescent="0.2">
      <c r="A17" s="1">
        <v>16</v>
      </c>
      <c r="B17" s="1">
        <v>82.53</v>
      </c>
      <c r="C17" s="1">
        <v>65.8</v>
      </c>
      <c r="D17" s="1">
        <v>93.14</v>
      </c>
      <c r="F17" s="1">
        <v>90.34</v>
      </c>
      <c r="G17" s="1">
        <v>95.16</v>
      </c>
      <c r="H17" s="1">
        <v>61.03</v>
      </c>
      <c r="I17" s="1">
        <v>58.08</v>
      </c>
    </row>
    <row r="18" spans="1:9" x14ac:dyDescent="0.2">
      <c r="A18" s="1">
        <v>17</v>
      </c>
      <c r="B18" s="1">
        <v>83.26</v>
      </c>
      <c r="C18" s="1">
        <v>63.62</v>
      </c>
      <c r="D18" s="1">
        <v>93.74</v>
      </c>
      <c r="F18" s="1">
        <v>90.36</v>
      </c>
      <c r="G18" s="1">
        <v>96.2</v>
      </c>
      <c r="H18" s="1">
        <v>57.66</v>
      </c>
      <c r="I18" s="1">
        <v>56.95</v>
      </c>
    </row>
    <row r="19" spans="1:9" x14ac:dyDescent="0.2">
      <c r="A19" s="1">
        <v>18</v>
      </c>
      <c r="B19" s="1">
        <v>83.78</v>
      </c>
      <c r="C19" s="1">
        <v>63.93</v>
      </c>
      <c r="D19" s="1">
        <v>94.06</v>
      </c>
      <c r="F19" s="1">
        <v>90.74</v>
      </c>
      <c r="G19" s="1">
        <v>97.26</v>
      </c>
      <c r="H19" s="1">
        <v>57.37</v>
      </c>
      <c r="I19" s="1">
        <v>56.23</v>
      </c>
    </row>
    <row r="20" spans="1:9" x14ac:dyDescent="0.2">
      <c r="A20" s="1">
        <v>19</v>
      </c>
      <c r="B20" s="1">
        <v>84.43</v>
      </c>
      <c r="C20" s="1">
        <v>64.3</v>
      </c>
      <c r="D20" s="1">
        <v>95.17</v>
      </c>
      <c r="F20" s="1">
        <v>90.95</v>
      </c>
      <c r="G20" s="1">
        <v>98.41</v>
      </c>
      <c r="H20" s="1">
        <v>57.13</v>
      </c>
      <c r="I20" s="1">
        <v>55.98</v>
      </c>
    </row>
    <row r="21" spans="1:9" x14ac:dyDescent="0.2">
      <c r="A21" s="1">
        <v>20</v>
      </c>
      <c r="B21" s="1">
        <v>85.73</v>
      </c>
      <c r="C21" s="1">
        <v>65.930000000000007</v>
      </c>
      <c r="D21" s="1">
        <v>96.06</v>
      </c>
      <c r="F21" s="1">
        <v>91.79</v>
      </c>
      <c r="G21" s="1">
        <v>99.33</v>
      </c>
      <c r="H21" s="1">
        <v>58.35</v>
      </c>
      <c r="I21" s="1">
        <v>55.74</v>
      </c>
    </row>
    <row r="22" spans="1:9" x14ac:dyDescent="0.2">
      <c r="A22" s="1">
        <v>21</v>
      </c>
      <c r="B22" s="1">
        <v>87.48</v>
      </c>
      <c r="C22" s="1">
        <v>66.91</v>
      </c>
      <c r="D22" s="1">
        <v>96.87</v>
      </c>
      <c r="F22" s="1">
        <v>92.86</v>
      </c>
      <c r="G22" s="1">
        <v>100.12</v>
      </c>
      <c r="H22" s="1">
        <v>58.84</v>
      </c>
      <c r="I22" s="1">
        <v>55.67</v>
      </c>
    </row>
    <row r="23" spans="1:9" x14ac:dyDescent="0.2">
      <c r="A23" s="1">
        <v>22</v>
      </c>
      <c r="B23" s="1">
        <v>89.27</v>
      </c>
      <c r="C23" s="1">
        <v>67.59</v>
      </c>
      <c r="D23" s="1">
        <v>97.81</v>
      </c>
      <c r="F23" s="1">
        <v>93.66</v>
      </c>
      <c r="G23" s="1">
        <v>101.06</v>
      </c>
      <c r="H23" s="1">
        <v>58.98</v>
      </c>
      <c r="I23" s="1">
        <v>54.95</v>
      </c>
    </row>
    <row r="24" spans="1:9" x14ac:dyDescent="0.2">
      <c r="A24" s="1">
        <v>23</v>
      </c>
      <c r="B24" s="1">
        <v>91.04</v>
      </c>
      <c r="C24" s="1">
        <v>68.25</v>
      </c>
      <c r="D24" s="1">
        <v>98.76</v>
      </c>
      <c r="F24" s="1">
        <v>95.07</v>
      </c>
      <c r="G24" s="1">
        <v>101.99</v>
      </c>
      <c r="H24" s="1">
        <v>59.09</v>
      </c>
      <c r="I24" s="1">
        <v>55.23</v>
      </c>
    </row>
    <row r="25" spans="1:9" x14ac:dyDescent="0.2">
      <c r="A25" s="1">
        <v>24</v>
      </c>
      <c r="B25" s="1">
        <v>93.01</v>
      </c>
      <c r="C25" s="1">
        <v>69.08</v>
      </c>
      <c r="D25" s="1">
        <v>99.78</v>
      </c>
      <c r="F25" s="1">
        <v>96.12</v>
      </c>
      <c r="G25" s="1">
        <v>103.11</v>
      </c>
      <c r="H25" s="1">
        <v>59.34</v>
      </c>
      <c r="I25" s="1">
        <v>55.48</v>
      </c>
    </row>
    <row r="26" spans="1:9" x14ac:dyDescent="0.2">
      <c r="A26" s="1">
        <v>25</v>
      </c>
      <c r="B26" s="1">
        <v>94.68</v>
      </c>
      <c r="C26" s="1">
        <v>69.95</v>
      </c>
      <c r="D26" s="1">
        <v>100.88</v>
      </c>
      <c r="F26" s="1">
        <v>97.61</v>
      </c>
      <c r="G26" s="1">
        <v>104.85</v>
      </c>
      <c r="H26" s="1">
        <v>59.64</v>
      </c>
      <c r="I26" s="1">
        <v>55.7</v>
      </c>
    </row>
    <row r="27" spans="1:9" x14ac:dyDescent="0.2">
      <c r="A27" s="1">
        <v>26</v>
      </c>
      <c r="B27" s="1">
        <v>96.57</v>
      </c>
      <c r="C27" s="1">
        <v>70.89</v>
      </c>
      <c r="F27" s="1">
        <v>99.86</v>
      </c>
      <c r="H27" s="1">
        <v>60</v>
      </c>
      <c r="I27" s="1">
        <v>57.28</v>
      </c>
    </row>
    <row r="28" spans="1:9" x14ac:dyDescent="0.2">
      <c r="A28" s="1">
        <v>27</v>
      </c>
      <c r="B28" s="1">
        <v>98.69</v>
      </c>
      <c r="C28" s="1">
        <v>71.94</v>
      </c>
      <c r="F28" s="1">
        <v>102.43</v>
      </c>
      <c r="H28" s="1">
        <v>60.43</v>
      </c>
      <c r="I28" s="1">
        <v>57.74</v>
      </c>
    </row>
    <row r="29" spans="1:9" x14ac:dyDescent="0.2">
      <c r="A29" s="1">
        <v>28</v>
      </c>
      <c r="B29" s="1">
        <v>100.5</v>
      </c>
      <c r="C29" s="1">
        <v>73.11</v>
      </c>
      <c r="F29" s="1">
        <v>105.32</v>
      </c>
      <c r="H29" s="1">
        <v>60.94</v>
      </c>
      <c r="I29" s="1">
        <v>58.35</v>
      </c>
    </row>
    <row r="30" spans="1:9" x14ac:dyDescent="0.2">
      <c r="A30" s="1">
        <v>29</v>
      </c>
      <c r="B30" s="1">
        <v>102.74</v>
      </c>
      <c r="C30" s="1">
        <v>74.349999999999994</v>
      </c>
      <c r="F30" s="1">
        <v>107.48</v>
      </c>
      <c r="H30" s="1">
        <v>61.52</v>
      </c>
      <c r="I30" s="1">
        <v>59.28</v>
      </c>
    </row>
    <row r="31" spans="1:9" x14ac:dyDescent="0.2">
      <c r="A31" s="1">
        <v>30</v>
      </c>
      <c r="B31" s="1">
        <v>104.84</v>
      </c>
      <c r="C31" s="1">
        <v>75.62</v>
      </c>
      <c r="F31" s="1">
        <v>110.1</v>
      </c>
      <c r="H31" s="1">
        <v>62.14</v>
      </c>
      <c r="I31" s="1">
        <v>61.82</v>
      </c>
    </row>
    <row r="32" spans="1:9" x14ac:dyDescent="0.2">
      <c r="A32" s="1">
        <v>31</v>
      </c>
      <c r="B32" s="1">
        <v>106.22</v>
      </c>
      <c r="C32" s="1">
        <v>76.92</v>
      </c>
      <c r="F32" s="1">
        <v>112.08</v>
      </c>
      <c r="H32" s="1">
        <v>62.81</v>
      </c>
      <c r="I32" s="1">
        <v>63.86</v>
      </c>
    </row>
    <row r="33" spans="1:9" x14ac:dyDescent="0.2">
      <c r="A33" s="1">
        <v>32</v>
      </c>
      <c r="B33" s="1">
        <v>108.2</v>
      </c>
      <c r="C33" s="1">
        <v>78.239999999999995</v>
      </c>
      <c r="F33" s="1">
        <v>114.05</v>
      </c>
      <c r="H33" s="1">
        <v>63.51</v>
      </c>
      <c r="I33" s="1">
        <v>65.63</v>
      </c>
    </row>
    <row r="34" spans="1:9" x14ac:dyDescent="0.2">
      <c r="A34" s="1">
        <v>33</v>
      </c>
      <c r="B34" s="1">
        <v>109.75</v>
      </c>
      <c r="C34" s="1">
        <v>79.569999999999993</v>
      </c>
      <c r="F34" s="1">
        <v>117.01</v>
      </c>
      <c r="H34" s="1">
        <v>64.25</v>
      </c>
      <c r="I34" s="1">
        <v>66.75</v>
      </c>
    </row>
    <row r="35" spans="1:9" x14ac:dyDescent="0.2">
      <c r="A35" s="1">
        <v>34</v>
      </c>
      <c r="B35" s="1">
        <v>111.12</v>
      </c>
      <c r="C35" s="1">
        <v>80.900000000000006</v>
      </c>
      <c r="F35" s="1">
        <v>119.37</v>
      </c>
      <c r="H35" s="1">
        <v>65.05</v>
      </c>
      <c r="I35" s="1">
        <v>68.180000000000007</v>
      </c>
    </row>
    <row r="36" spans="1:9" x14ac:dyDescent="0.2">
      <c r="A36" s="1">
        <v>35</v>
      </c>
      <c r="B36" s="1">
        <v>112.75</v>
      </c>
      <c r="C36" s="1">
        <v>82.25</v>
      </c>
      <c r="F36" s="1">
        <v>122.33</v>
      </c>
      <c r="H36" s="1">
        <v>65.91</v>
      </c>
      <c r="I36" s="1">
        <v>68.75</v>
      </c>
    </row>
    <row r="37" spans="1:9" x14ac:dyDescent="0.2">
      <c r="A37" s="1">
        <v>36</v>
      </c>
      <c r="B37" s="1">
        <v>114.24</v>
      </c>
      <c r="C37" s="1">
        <v>83.59</v>
      </c>
      <c r="F37" s="1">
        <v>125.09</v>
      </c>
      <c r="H37" s="1">
        <v>66.84</v>
      </c>
      <c r="I37" s="1">
        <v>69.28</v>
      </c>
    </row>
    <row r="38" spans="1:9" x14ac:dyDescent="0.2">
      <c r="A38" s="1">
        <v>37</v>
      </c>
      <c r="B38" s="1">
        <v>116.79</v>
      </c>
      <c r="C38" s="1">
        <v>84.97</v>
      </c>
      <c r="F38" s="1">
        <v>127.39</v>
      </c>
      <c r="H38" s="1">
        <v>67.84</v>
      </c>
      <c r="I38" s="1">
        <v>70.12</v>
      </c>
    </row>
    <row r="39" spans="1:9" x14ac:dyDescent="0.2">
      <c r="A39" s="1">
        <v>38</v>
      </c>
      <c r="B39" s="1">
        <v>118.58</v>
      </c>
      <c r="C39" s="1">
        <v>86.37</v>
      </c>
      <c r="F39" s="1">
        <v>130.07</v>
      </c>
      <c r="H39" s="1">
        <v>68.91</v>
      </c>
      <c r="I39" s="1">
        <v>70.849999999999994</v>
      </c>
    </row>
    <row r="40" spans="1:9" x14ac:dyDescent="0.2">
      <c r="A40" s="1">
        <v>39</v>
      </c>
      <c r="B40" s="1">
        <v>120.52</v>
      </c>
      <c r="C40" s="1">
        <v>87.81</v>
      </c>
      <c r="F40" s="1">
        <v>132.66</v>
      </c>
      <c r="H40" s="1">
        <v>70.03</v>
      </c>
      <c r="I40" s="1">
        <v>71.37</v>
      </c>
    </row>
    <row r="41" spans="1:9" x14ac:dyDescent="0.2">
      <c r="A41" s="1">
        <v>40</v>
      </c>
      <c r="B41" s="1">
        <v>122.59</v>
      </c>
      <c r="C41" s="1">
        <v>89.28</v>
      </c>
      <c r="F41" s="1">
        <v>135.25</v>
      </c>
      <c r="H41" s="1">
        <v>71.2</v>
      </c>
      <c r="I41" s="1">
        <v>72.34</v>
      </c>
    </row>
    <row r="42" spans="1:9" x14ac:dyDescent="0.2">
      <c r="A42" s="1">
        <v>41</v>
      </c>
      <c r="B42" s="1">
        <v>124.13</v>
      </c>
      <c r="C42" s="1">
        <v>90.76</v>
      </c>
      <c r="F42" s="1">
        <v>138.62</v>
      </c>
      <c r="H42" s="1">
        <v>72.39</v>
      </c>
      <c r="I42" s="1">
        <v>73.209999999999994</v>
      </c>
    </row>
    <row r="43" spans="1:9" x14ac:dyDescent="0.2">
      <c r="A43" s="1">
        <v>42</v>
      </c>
      <c r="B43" s="1">
        <v>125.8</v>
      </c>
      <c r="C43" s="1">
        <v>92.23</v>
      </c>
      <c r="F43" s="1">
        <v>141.91</v>
      </c>
      <c r="H43" s="1">
        <v>73.58</v>
      </c>
      <c r="I43" s="1">
        <v>74.58</v>
      </c>
    </row>
    <row r="44" spans="1:9" x14ac:dyDescent="0.2">
      <c r="A44" s="1">
        <v>43</v>
      </c>
      <c r="C44" s="1">
        <v>93.66</v>
      </c>
      <c r="H44" s="1">
        <v>74.77</v>
      </c>
      <c r="I44" s="1">
        <v>74.75</v>
      </c>
    </row>
    <row r="45" spans="1:9" x14ac:dyDescent="0.2">
      <c r="A45" s="1">
        <v>44</v>
      </c>
      <c r="C45" s="1">
        <v>95.02</v>
      </c>
    </row>
    <row r="46" spans="1:9" x14ac:dyDescent="0.2">
      <c r="A46" s="1">
        <v>45</v>
      </c>
      <c r="C46" s="1">
        <v>96.3</v>
      </c>
    </row>
    <row r="47" spans="1:9" x14ac:dyDescent="0.2">
      <c r="A47" s="1">
        <v>46</v>
      </c>
      <c r="C47" s="1">
        <v>97.48</v>
      </c>
    </row>
    <row r="48" spans="1:9" x14ac:dyDescent="0.2">
      <c r="A48" s="1">
        <v>47</v>
      </c>
      <c r="C48" s="1">
        <v>98.57</v>
      </c>
    </row>
    <row r="49" spans="1:3" x14ac:dyDescent="0.2">
      <c r="A49" s="1">
        <v>48</v>
      </c>
      <c r="C49" s="1">
        <v>99.6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3-05-19T14:11:28Z</dcterms:created>
  <dcterms:modified xsi:type="dcterms:W3CDTF">2023-06-05T19:37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